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928"/>
  <workbookPr filterPrivacy="1" codeName="ThisWorkbook"/>
  <xr:revisionPtr revIDLastSave="0" documentId="8_{974B901D-9660-4FAE-A19B-B85C64DB7F0B}" xr6:coauthVersionLast="47" xr6:coauthVersionMax="47" xr10:uidLastSave="{00000000-0000-0000-0000-000000000000}"/>
  <bookViews>
    <workbookView xWindow="-110" yWindow="-110" windowWidth="19420" windowHeight="10300" xr2:uid="{00000000-000D-0000-FFFF-FFFF00000000}"/>
  </bookViews>
  <sheets>
    <sheet name="Investor Report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538" uniqueCount="148">
  <si>
    <t>UK Reporting Fund Status (UKRFS) Report to Participants</t>
  </si>
  <si>
    <t>Premium Selection QIAIF ICAV</t>
  </si>
  <si>
    <t>Fund/Manager logo here (if desired)</t>
  </si>
  <si>
    <t>Date of Report:</t>
  </si>
  <si>
    <t>Period Ended:</t>
  </si>
  <si>
    <t>HMRC REFERENCE</t>
  </si>
  <si>
    <t xml:space="preserve">ISIN CODE
</t>
  </si>
  <si>
    <t>UMBRELLA FUND</t>
  </si>
  <si>
    <t xml:space="preserve">SUB FUND
</t>
  </si>
  <si>
    <t xml:space="preserve">CLASS NAME
</t>
  </si>
  <si>
    <t xml:space="preserve">REPORTING PERIOD
</t>
  </si>
  <si>
    <t>CLASS CURRENCY</t>
  </si>
  <si>
    <t>DISTRIBUTION(S) PER UNIT IN RESPECT OF THE REPORTING PERIOD</t>
  </si>
  <si>
    <t xml:space="preserve">DISTRIBUTION DATE(S)
</t>
  </si>
  <si>
    <t xml:space="preserve">EXCESS OF REPORTED INCOME PER UNIT OVER DISTRIBUTIONS IN RESPECT OF THE REPORTING PERIOD </t>
  </si>
  <si>
    <t>FUND DISTRIBUTION DATE</t>
  </si>
  <si>
    <t xml:space="preserve">DID THE SHARE CLASS REMAIN A REPORTING FUND AT THE DATE THIS REPORT WAS MADE AVAILABLE? </t>
  </si>
  <si>
    <t>Distribution</t>
  </si>
  <si>
    <t>IE00BL5B5213</t>
  </si>
  <si>
    <t>N/A</t>
  </si>
  <si>
    <t>No distribution</t>
  </si>
  <si>
    <t>IE00BL5B5320</t>
  </si>
  <si>
    <t>IE00BL5B5437</t>
  </si>
  <si>
    <t>IE00BL5B5650</t>
  </si>
  <si>
    <t>IE00BL5B5767</t>
  </si>
  <si>
    <t>IE00BL5B5874</t>
  </si>
  <si>
    <t>IE00BL5B5981</t>
  </si>
  <si>
    <t>IE00BL5B5C11</t>
  </si>
  <si>
    <t>IE000NQQVLB4</t>
  </si>
  <si>
    <t>IE00BL5B5B04</t>
  </si>
  <si>
    <t>IE000LWVKI17</t>
  </si>
  <si>
    <t>IE00062Y8B36</t>
  </si>
  <si>
    <t>IE000Z5YC6R1</t>
  </si>
  <si>
    <t>IE000KCHVJZ2</t>
  </si>
  <si>
    <t>IE000A04ZO73</t>
  </si>
  <si>
    <t>IE000FPHOVW1</t>
  </si>
  <si>
    <t>IE000S5NODI7</t>
  </si>
  <si>
    <t>IE0001UHDM98</t>
  </si>
  <si>
    <t>IE0006HO12V4</t>
  </si>
  <si>
    <t>IE000E5884Y6</t>
  </si>
  <si>
    <t>IE0003JJ7S16</t>
  </si>
  <si>
    <t>IE0009ZM5KR8</t>
  </si>
  <si>
    <t>IE000S7O46F7</t>
  </si>
  <si>
    <t>IE0002ZABA20</t>
  </si>
  <si>
    <t>IE000ZW2X779</t>
  </si>
  <si>
    <t>IE000ZEA5P89</t>
  </si>
  <si>
    <t>IE000L83S7K9</t>
  </si>
  <si>
    <t>IE000ACUFDO6</t>
  </si>
  <si>
    <t>IE000ZIHEXC3</t>
  </si>
  <si>
    <t>IE000Z3H83F4</t>
  </si>
  <si>
    <t>IE000EXW2KJ4</t>
  </si>
  <si>
    <t>IE000QN4K0K1</t>
  </si>
  <si>
    <t>IE0004LVDML9</t>
  </si>
  <si>
    <t>IE000GH34Z47</t>
  </si>
  <si>
    <t>IE000KTLM894</t>
  </si>
  <si>
    <t>IE000LQ7PRX4</t>
  </si>
  <si>
    <t>IE000RL03LQ8</t>
  </si>
  <si>
    <t>IE000AI242W2</t>
  </si>
  <si>
    <t>IE00069WHA77</t>
  </si>
  <si>
    <t>IE000K0QUB29</t>
  </si>
  <si>
    <t>IE0008TYY7A7</t>
  </si>
  <si>
    <t>IE0009SK5P25</t>
  </si>
  <si>
    <t>IE000LJGA6F2</t>
  </si>
  <si>
    <t>IE0005V2XK10</t>
  </si>
  <si>
    <t>IE0006S1UDJ4</t>
  </si>
  <si>
    <t>IE000JX2GKT2</t>
  </si>
  <si>
    <t>IE0004BW26B7</t>
  </si>
  <si>
    <t>IE000O1ZZDV3</t>
  </si>
  <si>
    <t>IE000VX04RU2</t>
  </si>
  <si>
    <t>IE000W0CGSC2</t>
  </si>
  <si>
    <t>IE000VKZDDU6</t>
  </si>
  <si>
    <t>IE000J0INMO0</t>
  </si>
  <si>
    <t>P0260-0001</t>
  </si>
  <si>
    <t>PRIVATE EQUITY – VINTAGE PROGRAM 2021</t>
  </si>
  <si>
    <t>Class A</t>
  </si>
  <si>
    <t>01/10/2023 - 30/09/2024</t>
  </si>
  <si>
    <t>USD</t>
  </si>
  <si>
    <t>Yes</t>
  </si>
  <si>
    <t>P0260-0002</t>
  </si>
  <si>
    <t>Class A RDR</t>
  </si>
  <si>
    <t>P0260-0003</t>
  </si>
  <si>
    <t>Class B</t>
  </si>
  <si>
    <t>P0260-0005</t>
  </si>
  <si>
    <t>Class C</t>
  </si>
  <si>
    <t>P0260-0006</t>
  </si>
  <si>
    <t>Class C RDR</t>
  </si>
  <si>
    <t>P0260-0007</t>
  </si>
  <si>
    <t>Class D</t>
  </si>
  <si>
    <t>P0260-0008</t>
  </si>
  <si>
    <t>Class D RDR</t>
  </si>
  <si>
    <t>P0260-0010</t>
  </si>
  <si>
    <t>Class P</t>
  </si>
  <si>
    <t>P0260-0025</t>
  </si>
  <si>
    <t>Class X RDR</t>
  </si>
  <si>
    <t>P0260-0009</t>
  </si>
  <si>
    <t>Class Y</t>
  </si>
  <si>
    <t>P0260-0011</t>
  </si>
  <si>
    <t>PRIVATE EQUITY – VINTAGE PROGRAM 2022</t>
  </si>
  <si>
    <t>P0260-0012</t>
  </si>
  <si>
    <t>P0260-0013</t>
  </si>
  <si>
    <t>P0260-0014</t>
  </si>
  <si>
    <t>Class B RDR</t>
  </si>
  <si>
    <t>P0260-0015</t>
  </si>
  <si>
    <t>P0260-0016</t>
  </si>
  <si>
    <t>P0260-0017</t>
  </si>
  <si>
    <t>P0260-0018</t>
  </si>
  <si>
    <t>P0260-0021</t>
  </si>
  <si>
    <t>P0260-0023</t>
  </si>
  <si>
    <t>Class V</t>
  </si>
  <si>
    <t>P0260-0019</t>
  </si>
  <si>
    <t>Class X</t>
  </si>
  <si>
    <t>P0260-0020</t>
  </si>
  <si>
    <t>P0260-0024</t>
  </si>
  <si>
    <t>P0260-0026</t>
  </si>
  <si>
    <t>PRIVATE EQUITY – VINTAGE PROGRAM 2023</t>
  </si>
  <si>
    <t>P0260-0040</t>
  </si>
  <si>
    <t>P0260-0028</t>
  </si>
  <si>
    <t>P0260-0041</t>
  </si>
  <si>
    <t>P0260-0029</t>
  </si>
  <si>
    <t>Class B RF</t>
  </si>
  <si>
    <t>P0260-0030</t>
  </si>
  <si>
    <t>P0260-0042</t>
  </si>
  <si>
    <t>P0260-0031</t>
  </si>
  <si>
    <t>Class C RF</t>
  </si>
  <si>
    <t>P0260-0032</t>
  </si>
  <si>
    <t>P0260-0043</t>
  </si>
  <si>
    <t>P0260-0033</t>
  </si>
  <si>
    <t>Class D RF</t>
  </si>
  <si>
    <t>P0260-0036</t>
  </si>
  <si>
    <t>P0260-0038</t>
  </si>
  <si>
    <t>P0260-0034</t>
  </si>
  <si>
    <t>P0260-0044</t>
  </si>
  <si>
    <t>P0260-0039</t>
  </si>
  <si>
    <t>P0260-0045</t>
  </si>
  <si>
    <t>PRIVATE EQUITY – VINTAGE PROGRAM 2024</t>
  </si>
  <si>
    <t>05/04/2024 - 30/09/2024</t>
  </si>
  <si>
    <t>P0260-0059</t>
  </si>
  <si>
    <t>P0260-0047</t>
  </si>
  <si>
    <t>P0260-0048</t>
  </si>
  <si>
    <t>P0260-0049</t>
  </si>
  <si>
    <t>P0260-0061</t>
  </si>
  <si>
    <t>P0260-0050</t>
  </si>
  <si>
    <t>P0260-0051</t>
  </si>
  <si>
    <t>P0260-0062</t>
  </si>
  <si>
    <t>P0260-0052</t>
  </si>
  <si>
    <t>P0260-0055</t>
  </si>
  <si>
    <t>P0260-0057</t>
  </si>
  <si>
    <t>P0260-0058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5">
    <numFmt numFmtId="164" formatCode="_ * #,##0_)\ _€_ ;_ * \(#,##0\)\ _€_ ;_ * &quot;-&quot;??_)\ _€_ ;_ @_ "/>
    <numFmt numFmtId="165" formatCode="[$-809]dd\ mmmm\ yyyy;@"/>
    <numFmt numFmtId="166" formatCode="_ * #,##0.00_ ;_ * \-#,##0.00_ ;_ * &quot;-&quot;??_ ;_ @_ "/>
    <numFmt numFmtId="167" formatCode="#,##0.0000_ ;\-#,##0.0000\ "/>
    <numFmt numFmtId="168" formatCode="dd/mm/yyyy;@"/>
  </numFmts>
  <fonts count="15" x14ac:knownFonts="1">
    <font>
      <sz val="12"/>
      <color theme="1"/>
      <name val="Aptos"/>
      <family val="2"/>
      <scheme val="minor"/>
    </font>
    <font>
      <sz val="11"/>
      <color theme="1"/>
      <name val="Aptos"/>
      <family val="2"/>
      <scheme val="minor"/>
    </font>
    <font>
      <b/>
      <sz val="20"/>
      <color indexed="9"/>
      <name val="Aptos"/>
      <family val="2"/>
      <scheme val="minor"/>
    </font>
    <font>
      <sz val="16"/>
      <color indexed="9"/>
      <name val="Aptos"/>
      <family val="2"/>
      <scheme val="minor"/>
    </font>
    <font>
      <sz val="9"/>
      <color theme="1"/>
      <name val="Aptos"/>
      <family val="2"/>
      <scheme val="minor"/>
    </font>
    <font>
      <b/>
      <sz val="22"/>
      <color indexed="9"/>
      <name val="Aptos"/>
      <family val="2"/>
      <scheme val="minor"/>
    </font>
    <font>
      <sz val="22"/>
      <color indexed="9"/>
      <name val="Aptos"/>
      <family val="2"/>
      <scheme val="minor"/>
    </font>
    <font>
      <sz val="10"/>
      <name val="Arial"/>
      <family val="2"/>
    </font>
    <font>
      <sz val="10"/>
      <name val="Aptos"/>
      <family val="2"/>
      <scheme val="minor"/>
    </font>
    <font>
      <b/>
      <i/>
      <sz val="10"/>
      <name val="Aptos"/>
      <family val="2"/>
      <scheme val="minor"/>
    </font>
    <font>
      <b/>
      <sz val="20"/>
      <name val="Aptos"/>
      <family val="2"/>
      <scheme val="minor"/>
    </font>
    <font>
      <sz val="10"/>
      <color theme="1"/>
      <name val="Aptos"/>
      <family val="2"/>
      <scheme val="minor"/>
    </font>
    <font>
      <b/>
      <i/>
      <sz val="10"/>
      <color theme="0"/>
      <name val="Aptos"/>
      <family val="2"/>
      <scheme val="minor"/>
    </font>
    <font>
      <b/>
      <sz val="10"/>
      <name val="Aptos"/>
      <family val="2"/>
      <scheme val="minor"/>
    </font>
    <font>
      <b/>
      <u/>
      <sz val="10"/>
      <name val="Aptos"/>
      <family val="2"/>
      <scheme val="minor"/>
    </font>
  </fonts>
  <fills count="5">
    <fill>
      <patternFill patternType="none"/>
    </fill>
    <fill>
      <patternFill patternType="gray125"/>
    </fill>
    <fill>
      <patternFill patternType="solid">
        <fgColor theme="1"/>
        <bgColor indexed="64"/>
      </patternFill>
    </fill>
    <fill>
      <patternFill patternType="solid">
        <fgColor theme="0"/>
        <bgColor indexed="64"/>
      </patternFill>
    </fill>
    <fill>
      <patternFill patternType="solid">
        <fgColor rgb="FF92D050"/>
        <bgColor indexed="64"/>
      </patternFill>
    </fill>
  </fills>
  <borders count="5">
    <border>
      <left/>
      <right/>
      <top/>
      <bottom/>
      <diagonal/>
    </border>
    <border>
      <left style="thin">
        <color theme="0"/>
      </left>
      <right style="thin">
        <color theme="0"/>
      </right>
      <top style="thin">
        <color theme="0"/>
      </top>
      <bottom/>
      <diagonal/>
    </border>
    <border>
      <left style="thin">
        <color theme="0" tint="-0.499984740745262"/>
      </left>
      <right style="thin">
        <color theme="0" tint="-0.499984740745262"/>
      </right>
      <top style="thin">
        <color theme="0" tint="-0.499984740745262"/>
      </top>
      <bottom style="thin">
        <color theme="0" tint="-0.499984740745262"/>
      </bottom>
      <diagonal/>
    </border>
    <border>
      <left style="thin">
        <color theme="0" tint="-0.499984740745262"/>
      </left>
      <right style="thin">
        <color theme="0" tint="-0.499984740745262"/>
      </right>
      <top style="thin">
        <color theme="0" tint="-0.499984740745262"/>
      </top>
      <bottom/>
      <diagonal/>
    </border>
    <border>
      <left style="thin">
        <color theme="0" tint="-0.499984740745262"/>
      </left>
      <right style="thin">
        <color theme="0" tint="-0.499984740745262"/>
      </right>
      <top style="thin">
        <color theme="0" tint="-0.499984740745262"/>
      </top>
      <bottom style="thin">
        <color indexed="64"/>
      </bottom>
      <diagonal/>
    </border>
  </borders>
  <cellStyleXfs count="7">
    <xf numFmtId="0" fontId="0" fillId="0" borderId="0"/>
    <xf numFmtId="0" fontId="1" fillId="0" borderId="0"/>
    <xf numFmtId="0" fontId="7" fillId="0" borderId="0"/>
    <xf numFmtId="0" fontId="1" fillId="0" borderId="0"/>
    <xf numFmtId="0" fontId="7" fillId="0" borderId="0"/>
    <xf numFmtId="0" fontId="1" fillId="0" borderId="0"/>
    <xf numFmtId="166" fontId="1" fillId="0" borderId="0" applyFont="0" applyFill="0" applyBorder="0" applyAlignment="0" applyProtection="0"/>
  </cellStyleXfs>
  <cellXfs count="30">
    <xf numFmtId="0" fontId="0" fillId="0" borderId="0" xfId="0"/>
    <xf numFmtId="0" fontId="2" fillId="2" borderId="0" xfId="1" applyFont="1" applyFill="1" applyAlignment="1">
      <alignment vertical="center"/>
    </xf>
    <xf numFmtId="0" fontId="3" fillId="2" borderId="0" xfId="1" applyFont="1" applyFill="1" applyAlignment="1">
      <alignment vertical="top"/>
    </xf>
    <xf numFmtId="0" fontId="4" fillId="2" borderId="0" xfId="0" applyFont="1" applyFill="1"/>
    <xf numFmtId="0" fontId="3" fillId="2" borderId="0" xfId="1" applyFont="1" applyFill="1" applyAlignment="1">
      <alignment horizontal="center" vertical="top"/>
    </xf>
    <xf numFmtId="0" fontId="5" fillId="2" borderId="0" xfId="1" applyFont="1" applyFill="1" applyAlignment="1">
      <alignment horizontal="right" vertical="center"/>
    </xf>
    <xf numFmtId="164" fontId="3" fillId="2" borderId="0" xfId="1" applyNumberFormat="1" applyFont="1" applyFill="1" applyAlignment="1">
      <alignment vertical="top"/>
    </xf>
    <xf numFmtId="0" fontId="5" fillId="2" borderId="0" xfId="1" applyFont="1" applyFill="1" applyAlignment="1">
      <alignment vertical="center"/>
    </xf>
    <xf numFmtId="0" fontId="6" fillId="2" borderId="0" xfId="1" applyFont="1" applyFill="1" applyAlignment="1">
      <alignment horizontal="center" vertical="top"/>
    </xf>
    <xf numFmtId="0" fontId="4" fillId="3" borderId="0" xfId="0" applyFont="1" applyFill="1"/>
    <xf numFmtId="0" fontId="8" fillId="3" borderId="0" xfId="2" applyFont="1" applyFill="1" applyAlignment="1">
      <alignment horizontal="center"/>
    </xf>
    <xf numFmtId="0" fontId="8" fillId="3" borderId="0" xfId="2" applyFont="1" applyFill="1"/>
    <xf numFmtId="0" fontId="9" fillId="3" borderId="0" xfId="2" applyFont="1" applyFill="1" applyAlignment="1">
      <alignment horizontal="center" vertical="center" wrapText="1"/>
    </xf>
    <xf numFmtId="14" fontId="10" fillId="3" borderId="0" xfId="1" applyNumberFormat="1" applyFont="1" applyFill="1" applyAlignment="1">
      <alignment vertical="top"/>
    </xf>
    <xf numFmtId="0" fontId="9" fillId="3" borderId="0" xfId="2" applyFont="1" applyFill="1" applyAlignment="1">
      <alignment horizontal="right" vertical="center" wrapText="1"/>
    </xf>
    <xf numFmtId="0" fontId="8" fillId="3" borderId="0" xfId="1" applyFont="1" applyFill="1" applyAlignment="1">
      <alignment horizontal="left"/>
    </xf>
    <xf numFmtId="165" fontId="8" fillId="3" borderId="0" xfId="1" applyNumberFormat="1" applyFont="1" applyFill="1" applyAlignment="1">
      <alignment horizontal="left"/>
    </xf>
    <xf numFmtId="0" fontId="11" fillId="3" borderId="0" xfId="0" applyFont="1" applyFill="1"/>
    <xf numFmtId="0" fontId="12" fillId="3" borderId="0" xfId="2" applyFont="1" applyFill="1" applyAlignment="1">
      <alignment horizontal="center" vertical="center" wrapText="1"/>
    </xf>
    <xf numFmtId="0" fontId="8" fillId="3" borderId="0" xfId="2" applyFont="1" applyFill="1" applyAlignment="1">
      <alignment horizontal="left"/>
    </xf>
    <xf numFmtId="0" fontId="13" fillId="4" borderId="1" xfId="3" applyFont="1" applyFill="1" applyBorder="1" applyAlignment="1">
      <alignment horizontal="center" vertical="center" wrapText="1"/>
    </xf>
    <xf numFmtId="0" fontId="13" fillId="3" borderId="0" xfId="0" applyFont="1" applyFill="1"/>
    <xf numFmtId="0" fontId="14" fillId="3" borderId="0" xfId="3" applyFont="1" applyFill="1" applyAlignment="1">
      <alignment horizontal="left" vertical="top"/>
    </xf>
    <xf numFmtId="14" fontId="8" fillId="3" borderId="2" xfId="4" applyNumberFormat="1" applyFont="1" applyFill="1" applyBorder="1" applyAlignment="1">
      <alignment horizontal="center"/>
    </xf>
    <xf numFmtId="14" fontId="8" fillId="3" borderId="2" xfId="4" applyNumberFormat="1" applyFont="1" applyFill="1" applyBorder="1" applyAlignment="1">
      <alignment horizontal="center" vertical="center"/>
    </xf>
    <xf numFmtId="14" fontId="8" fillId="3" borderId="2" xfId="5" applyNumberFormat="1" applyFont="1" applyFill="1" applyBorder="1" applyAlignment="1">
      <alignment horizontal="center" vertical="center"/>
    </xf>
    <xf numFmtId="167" fontId="8" fillId="0" borderId="3" xfId="6" applyNumberFormat="1" applyFont="1" applyFill="1" applyBorder="1" applyAlignment="1">
      <alignment horizontal="center" vertical="center"/>
    </xf>
    <xf numFmtId="167" fontId="8" fillId="3" borderId="2" xfId="6" applyNumberFormat="1" applyFont="1" applyFill="1" applyBorder="1" applyAlignment="1">
      <alignment horizontal="center" vertical="center"/>
    </xf>
    <xf numFmtId="168" fontId="8" fillId="3" borderId="2" xfId="5" applyNumberFormat="1" applyFont="1" applyFill="1" applyBorder="1" applyAlignment="1">
      <alignment horizontal="center" vertical="center"/>
    </xf>
    <xf numFmtId="167" fontId="8" fillId="0" borderId="4" xfId="6" applyNumberFormat="1" applyFont="1" applyFill="1" applyBorder="1" applyAlignment="1">
      <alignment horizontal="center" vertical="center"/>
    </xf>
  </cellXfs>
  <cellStyles count="7">
    <cellStyle name="Comma 25 2" xfId="6" xr:uid="{427CC620-E4F2-47FA-9D9F-BE51A1EBDB0E}"/>
    <cellStyle name="Normal" xfId="0" builtinId="0" customBuiltin="1"/>
    <cellStyle name="Normal 12 2" xfId="1" xr:uid="{682D18A7-FB16-4A7B-B17D-27DAB6FC5C53}"/>
    <cellStyle name="Normal 12 2 3" xfId="3" xr:uid="{1CFA4C50-B67A-4127-8CE7-6EBD4A4FDFF8}"/>
    <cellStyle name="Normal 2 2 2 2 2" xfId="4" xr:uid="{57AF54C3-FF18-4744-94B9-264C282EA75B}"/>
    <cellStyle name="Normal 7 2" xfId="2" xr:uid="{4A1E577B-F29E-4F75-9CD8-8A3C7DBB69C0}"/>
    <cellStyle name="Normal 8 2 3 2" xfId="5" xr:uid="{33EC7D6F-9136-4D5D-A883-B1AAF19DC176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Deloitte NSE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sheetPr codeName="Sheet1"/>
  <dimension ref="A1:L62"/>
  <sheetViews>
    <sheetView tabSelected="1" view="pageBreakPreview" zoomScale="60" zoomScaleNormal="55" workbookViewId="0">
      <selection activeCell="O23" sqref="O23"/>
    </sheetView>
  </sheetViews>
  <sheetFormatPr defaultColWidth="26.765625" defaultRowHeight="12" x14ac:dyDescent="0.3"/>
  <cols>
    <col min="1" max="1" width="14.765625" style="9" customWidth="1"/>
    <col min="2" max="2" width="14.921875" style="9" bestFit="1" customWidth="1"/>
    <col min="3" max="3" width="24" style="9" bestFit="1" customWidth="1"/>
    <col min="4" max="4" width="37.15234375" style="9" bestFit="1" customWidth="1"/>
    <col min="5" max="5" width="10.3046875" style="9" bestFit="1" customWidth="1"/>
    <col min="6" max="6" width="19.921875" style="9" bestFit="1" customWidth="1"/>
    <col min="7" max="7" width="11.23046875" style="9" bestFit="1" customWidth="1"/>
    <col min="8" max="8" width="25.84375" style="9" bestFit="1" customWidth="1"/>
    <col min="9" max="9" width="16.69140625" style="9" bestFit="1" customWidth="1"/>
    <col min="10" max="10" width="26.3046875" style="9" bestFit="1" customWidth="1"/>
    <col min="11" max="11" width="27.3828125" style="9" bestFit="1" customWidth="1"/>
    <col min="12" max="12" width="24.07421875" style="9" bestFit="1" customWidth="1"/>
    <col min="13" max="13" width="15.69140625" style="9" customWidth="1"/>
    <col min="14" max="16384" width="26.765625" style="9"/>
  </cols>
  <sheetData>
    <row r="1" spans="1:12" ht="28.5" x14ac:dyDescent="0.3">
      <c r="A1" s="1" t="s">
        <v>0</v>
      </c>
      <c r="B1" s="2"/>
      <c r="C1" s="3"/>
      <c r="D1" s="4"/>
      <c r="E1" s="5"/>
      <c r="F1" s="6"/>
      <c r="G1" s="6"/>
      <c r="H1" s="6"/>
      <c r="I1" s="7"/>
      <c r="J1" s="8"/>
      <c r="K1" s="8"/>
      <c r="L1" s="8"/>
    </row>
    <row r="2" spans="1:12" ht="13" x14ac:dyDescent="0.3">
      <c r="A2" s="10"/>
      <c r="B2" s="10"/>
      <c r="D2" s="10"/>
      <c r="E2" s="10"/>
      <c r="F2" s="10"/>
      <c r="G2" s="10"/>
      <c r="H2" s="10"/>
      <c r="I2" s="10"/>
      <c r="J2" s="10"/>
      <c r="K2" s="11"/>
      <c r="L2" s="12"/>
    </row>
    <row r="3" spans="1:12" ht="26" x14ac:dyDescent="0.3">
      <c r="A3" s="13" t="s">
        <v>1</v>
      </c>
      <c r="B3" s="10"/>
      <c r="D3" s="10"/>
      <c r="E3" s="10"/>
      <c r="F3" s="10"/>
      <c r="G3" s="10"/>
      <c r="H3" s="10"/>
      <c r="I3" s="10"/>
      <c r="J3" s="10"/>
      <c r="K3" s="14" t="s">
        <v>2</v>
      </c>
      <c r="L3" s="10"/>
    </row>
    <row r="4" spans="1:12" s="17" customFormat="1" ht="13" x14ac:dyDescent="0.3">
      <c r="A4" s="15" t="s">
        <v>3</v>
      </c>
      <c r="B4" s="16">
        <v>45863.552234374998</v>
      </c>
      <c r="D4" s="10"/>
      <c r="E4" s="10"/>
      <c r="F4" s="10"/>
      <c r="G4" s="10"/>
      <c r="H4" s="10"/>
      <c r="I4" s="10"/>
      <c r="J4" s="10"/>
      <c r="K4" s="12"/>
      <c r="L4" s="18">
        <v>6</v>
      </c>
    </row>
    <row r="5" spans="1:12" s="17" customFormat="1" ht="13" x14ac:dyDescent="0.3">
      <c r="A5" s="15" t="s">
        <v>4</v>
      </c>
      <c r="B5" s="16">
        <v>45565</v>
      </c>
      <c r="D5" s="10"/>
      <c r="E5" s="10"/>
      <c r="F5" s="10"/>
      <c r="G5" s="10"/>
      <c r="H5" s="10"/>
      <c r="I5" s="10"/>
      <c r="J5" s="10"/>
      <c r="K5" s="12"/>
      <c r="L5" s="12"/>
    </row>
    <row r="6" spans="1:12" s="17" customFormat="1" ht="13" x14ac:dyDescent="0.3">
      <c r="A6" s="19"/>
      <c r="B6" s="19"/>
      <c r="C6" s="19"/>
      <c r="D6" s="10"/>
      <c r="E6" s="10"/>
      <c r="F6" s="10"/>
      <c r="G6" s="10"/>
      <c r="H6" s="10"/>
      <c r="I6" s="10"/>
      <c r="J6" s="10"/>
      <c r="K6" s="12"/>
      <c r="L6" s="12"/>
    </row>
    <row r="7" spans="1:12" s="21" customFormat="1" ht="103.4" customHeight="1" x14ac:dyDescent="0.3">
      <c r="A7" s="20" t="s">
        <v>5</v>
      </c>
      <c r="B7" s="20" t="s">
        <v>6</v>
      </c>
      <c r="C7" s="20" t="s">
        <v>7</v>
      </c>
      <c r="D7" s="20" t="s">
        <v>8</v>
      </c>
      <c r="E7" s="20" t="s">
        <v>9</v>
      </c>
      <c r="F7" s="20" t="s">
        <v>10</v>
      </c>
      <c r="G7" s="20" t="s">
        <v>11</v>
      </c>
      <c r="H7" s="20" t="s">
        <v>12</v>
      </c>
      <c r="I7" s="20" t="s">
        <v>13</v>
      </c>
      <c r="J7" s="20" t="s">
        <v>14</v>
      </c>
      <c r="K7" s="20" t="s">
        <v>15</v>
      </c>
      <c r="L7" s="20" t="s">
        <v>16</v>
      </c>
    </row>
    <row r="8" spans="1:12" s="17" customFormat="1" ht="13" x14ac:dyDescent="0.3"/>
    <row r="9" spans="1:12" s="17" customFormat="1" ht="13" x14ac:dyDescent="0.3">
      <c r="A9" s="22" t="s">
        <v>17</v>
      </c>
    </row>
    <row r="10" spans="1:12" s="17" customFormat="1" ht="13" x14ac:dyDescent="0.3"/>
    <row r="11" spans="1:12" s="17" customFormat="1" ht="13" x14ac:dyDescent="0.3">
      <c r="A11" s="23" t="s">
        <v>72</v>
      </c>
      <c r="B11" s="23" t="s">
        <v>18</v>
      </c>
      <c r="C11" s="24" t="s">
        <v>1</v>
      </c>
      <c r="D11" s="24" t="s">
        <v>73</v>
      </c>
      <c r="E11" s="24" t="s">
        <v>74</v>
      </c>
      <c r="F11" s="25" t="s">
        <v>75</v>
      </c>
      <c r="G11" s="24" t="s">
        <v>76</v>
      </c>
      <c r="H11" s="26" t="s">
        <v>19</v>
      </c>
      <c r="I11" s="26" t="s">
        <v>20</v>
      </c>
      <c r="J11" s="27">
        <v>0</v>
      </c>
      <c r="K11" s="28">
        <v>45746</v>
      </c>
      <c r="L11" s="28" t="s">
        <v>77</v>
      </c>
    </row>
    <row r="12" spans="1:12" s="17" customFormat="1" ht="13" x14ac:dyDescent="0.3">
      <c r="A12" s="23" t="s">
        <v>78</v>
      </c>
      <c r="B12" s="23" t="s">
        <v>21</v>
      </c>
      <c r="C12" s="24" t="s">
        <v>1</v>
      </c>
      <c r="D12" s="24" t="s">
        <v>73</v>
      </c>
      <c r="E12" s="24" t="s">
        <v>79</v>
      </c>
      <c r="F12" s="25" t="s">
        <v>75</v>
      </c>
      <c r="G12" s="24" t="s">
        <v>76</v>
      </c>
      <c r="H12" s="26" t="s">
        <v>19</v>
      </c>
      <c r="I12" s="26" t="s">
        <v>20</v>
      </c>
      <c r="J12" s="27">
        <v>0</v>
      </c>
      <c r="K12" s="28">
        <v>45746</v>
      </c>
      <c r="L12" s="28" t="s">
        <v>77</v>
      </c>
    </row>
    <row r="13" spans="1:12" s="17" customFormat="1" ht="13" x14ac:dyDescent="0.3">
      <c r="A13" s="23" t="s">
        <v>80</v>
      </c>
      <c r="B13" s="23" t="s">
        <v>22</v>
      </c>
      <c r="C13" s="24" t="s">
        <v>1</v>
      </c>
      <c r="D13" s="24" t="s">
        <v>73</v>
      </c>
      <c r="E13" s="24" t="s">
        <v>81</v>
      </c>
      <c r="F13" s="25" t="s">
        <v>75</v>
      </c>
      <c r="G13" s="24" t="s">
        <v>76</v>
      </c>
      <c r="H13" s="26" t="s">
        <v>19</v>
      </c>
      <c r="I13" s="26" t="s">
        <v>20</v>
      </c>
      <c r="J13" s="27">
        <v>0</v>
      </c>
      <c r="K13" s="28">
        <v>45746</v>
      </c>
      <c r="L13" s="28" t="s">
        <v>77</v>
      </c>
    </row>
    <row r="14" spans="1:12" s="17" customFormat="1" ht="13" x14ac:dyDescent="0.3">
      <c r="A14" s="23" t="s">
        <v>82</v>
      </c>
      <c r="B14" s="23" t="s">
        <v>23</v>
      </c>
      <c r="C14" s="24" t="s">
        <v>1</v>
      </c>
      <c r="D14" s="24" t="s">
        <v>73</v>
      </c>
      <c r="E14" s="24" t="s">
        <v>83</v>
      </c>
      <c r="F14" s="25" t="s">
        <v>75</v>
      </c>
      <c r="G14" s="24" t="s">
        <v>76</v>
      </c>
      <c r="H14" s="26" t="s">
        <v>19</v>
      </c>
      <c r="I14" s="26" t="s">
        <v>20</v>
      </c>
      <c r="J14" s="27">
        <v>0</v>
      </c>
      <c r="K14" s="28">
        <v>45746</v>
      </c>
      <c r="L14" s="28" t="s">
        <v>77</v>
      </c>
    </row>
    <row r="15" spans="1:12" s="17" customFormat="1" ht="13" x14ac:dyDescent="0.3">
      <c r="A15" s="23" t="s">
        <v>84</v>
      </c>
      <c r="B15" s="23" t="s">
        <v>24</v>
      </c>
      <c r="C15" s="24" t="s">
        <v>1</v>
      </c>
      <c r="D15" s="24" t="s">
        <v>73</v>
      </c>
      <c r="E15" s="24" t="s">
        <v>85</v>
      </c>
      <c r="F15" s="25" t="s">
        <v>75</v>
      </c>
      <c r="G15" s="24" t="s">
        <v>76</v>
      </c>
      <c r="H15" s="26" t="s">
        <v>19</v>
      </c>
      <c r="I15" s="26" t="s">
        <v>20</v>
      </c>
      <c r="J15" s="27">
        <v>0</v>
      </c>
      <c r="K15" s="28">
        <v>45746</v>
      </c>
      <c r="L15" s="28" t="s">
        <v>77</v>
      </c>
    </row>
    <row r="16" spans="1:12" s="17" customFormat="1" ht="13" x14ac:dyDescent="0.3">
      <c r="A16" s="23" t="s">
        <v>86</v>
      </c>
      <c r="B16" s="23" t="s">
        <v>25</v>
      </c>
      <c r="C16" s="24" t="s">
        <v>1</v>
      </c>
      <c r="D16" s="24" t="s">
        <v>73</v>
      </c>
      <c r="E16" s="24" t="s">
        <v>87</v>
      </c>
      <c r="F16" s="25" t="s">
        <v>75</v>
      </c>
      <c r="G16" s="24" t="s">
        <v>76</v>
      </c>
      <c r="H16" s="26" t="s">
        <v>19</v>
      </c>
      <c r="I16" s="26" t="s">
        <v>20</v>
      </c>
      <c r="J16" s="27">
        <v>0</v>
      </c>
      <c r="K16" s="28">
        <v>45746</v>
      </c>
      <c r="L16" s="28" t="s">
        <v>77</v>
      </c>
    </row>
    <row r="17" spans="1:12" s="17" customFormat="1" ht="13" x14ac:dyDescent="0.3">
      <c r="A17" s="23" t="s">
        <v>88</v>
      </c>
      <c r="B17" s="23" t="s">
        <v>26</v>
      </c>
      <c r="C17" s="24" t="s">
        <v>1</v>
      </c>
      <c r="D17" s="24" t="s">
        <v>73</v>
      </c>
      <c r="E17" s="24" t="s">
        <v>89</v>
      </c>
      <c r="F17" s="25" t="s">
        <v>75</v>
      </c>
      <c r="G17" s="24" t="s">
        <v>76</v>
      </c>
      <c r="H17" s="26" t="s">
        <v>19</v>
      </c>
      <c r="I17" s="26" t="s">
        <v>20</v>
      </c>
      <c r="J17" s="27">
        <v>0</v>
      </c>
      <c r="K17" s="28">
        <v>45746</v>
      </c>
      <c r="L17" s="28" t="s">
        <v>77</v>
      </c>
    </row>
    <row r="18" spans="1:12" s="17" customFormat="1" ht="13" x14ac:dyDescent="0.3">
      <c r="A18" s="23" t="s">
        <v>90</v>
      </c>
      <c r="B18" s="23" t="s">
        <v>27</v>
      </c>
      <c r="C18" s="24" t="s">
        <v>1</v>
      </c>
      <c r="D18" s="24" t="s">
        <v>73</v>
      </c>
      <c r="E18" s="24" t="s">
        <v>91</v>
      </c>
      <c r="F18" s="25" t="s">
        <v>75</v>
      </c>
      <c r="G18" s="24" t="s">
        <v>76</v>
      </c>
      <c r="H18" s="26" t="s">
        <v>19</v>
      </c>
      <c r="I18" s="26" t="s">
        <v>20</v>
      </c>
      <c r="J18" s="27">
        <v>0</v>
      </c>
      <c r="K18" s="28">
        <v>45746</v>
      </c>
      <c r="L18" s="28" t="s">
        <v>77</v>
      </c>
    </row>
    <row r="19" spans="1:12" s="17" customFormat="1" ht="13" x14ac:dyDescent="0.3">
      <c r="A19" s="23" t="s">
        <v>92</v>
      </c>
      <c r="B19" s="23" t="s">
        <v>28</v>
      </c>
      <c r="C19" s="24" t="s">
        <v>1</v>
      </c>
      <c r="D19" s="24" t="s">
        <v>73</v>
      </c>
      <c r="E19" s="24" t="s">
        <v>93</v>
      </c>
      <c r="F19" s="25" t="s">
        <v>75</v>
      </c>
      <c r="G19" s="24" t="s">
        <v>76</v>
      </c>
      <c r="H19" s="26" t="s">
        <v>19</v>
      </c>
      <c r="I19" s="26" t="s">
        <v>20</v>
      </c>
      <c r="J19" s="27">
        <v>0</v>
      </c>
      <c r="K19" s="28">
        <v>45746</v>
      </c>
      <c r="L19" s="28" t="s">
        <v>77</v>
      </c>
    </row>
    <row r="20" spans="1:12" s="17" customFormat="1" ht="13" x14ac:dyDescent="0.3">
      <c r="A20" s="23" t="s">
        <v>94</v>
      </c>
      <c r="B20" s="23" t="s">
        <v>29</v>
      </c>
      <c r="C20" s="24" t="s">
        <v>1</v>
      </c>
      <c r="D20" s="24" t="s">
        <v>73</v>
      </c>
      <c r="E20" s="24" t="s">
        <v>95</v>
      </c>
      <c r="F20" s="25" t="s">
        <v>75</v>
      </c>
      <c r="G20" s="24" t="s">
        <v>76</v>
      </c>
      <c r="H20" s="26" t="s">
        <v>19</v>
      </c>
      <c r="I20" s="26" t="s">
        <v>20</v>
      </c>
      <c r="J20" s="27">
        <v>0</v>
      </c>
      <c r="K20" s="28">
        <v>45746</v>
      </c>
      <c r="L20" s="28" t="s">
        <v>77</v>
      </c>
    </row>
    <row r="21" spans="1:12" s="17" customFormat="1" ht="13" x14ac:dyDescent="0.3">
      <c r="A21" s="23" t="s">
        <v>96</v>
      </c>
      <c r="B21" s="23" t="s">
        <v>30</v>
      </c>
      <c r="C21" s="24" t="s">
        <v>1</v>
      </c>
      <c r="D21" s="24" t="s">
        <v>97</v>
      </c>
      <c r="E21" s="24" t="s">
        <v>74</v>
      </c>
      <c r="F21" s="25" t="s">
        <v>75</v>
      </c>
      <c r="G21" s="24" t="s">
        <v>76</v>
      </c>
      <c r="H21" s="26" t="s">
        <v>19</v>
      </c>
      <c r="I21" s="26" t="s">
        <v>20</v>
      </c>
      <c r="J21" s="27">
        <v>0</v>
      </c>
      <c r="K21" s="28">
        <v>45746</v>
      </c>
      <c r="L21" s="28" t="s">
        <v>77</v>
      </c>
    </row>
    <row r="22" spans="1:12" s="17" customFormat="1" ht="13" x14ac:dyDescent="0.3">
      <c r="A22" s="23" t="s">
        <v>98</v>
      </c>
      <c r="B22" s="23" t="s">
        <v>31</v>
      </c>
      <c r="C22" s="24" t="s">
        <v>1</v>
      </c>
      <c r="D22" s="24" t="s">
        <v>97</v>
      </c>
      <c r="E22" s="24" t="s">
        <v>79</v>
      </c>
      <c r="F22" s="25" t="s">
        <v>75</v>
      </c>
      <c r="G22" s="24" t="s">
        <v>76</v>
      </c>
      <c r="H22" s="26" t="s">
        <v>19</v>
      </c>
      <c r="I22" s="26" t="s">
        <v>20</v>
      </c>
      <c r="J22" s="27">
        <v>0</v>
      </c>
      <c r="K22" s="28">
        <v>45746</v>
      </c>
      <c r="L22" s="28" t="s">
        <v>77</v>
      </c>
    </row>
    <row r="23" spans="1:12" s="17" customFormat="1" ht="13" x14ac:dyDescent="0.3">
      <c r="A23" s="23" t="s">
        <v>99</v>
      </c>
      <c r="B23" s="23" t="s">
        <v>32</v>
      </c>
      <c r="C23" s="24" t="s">
        <v>1</v>
      </c>
      <c r="D23" s="24" t="s">
        <v>97</v>
      </c>
      <c r="E23" s="24" t="s">
        <v>81</v>
      </c>
      <c r="F23" s="25" t="s">
        <v>75</v>
      </c>
      <c r="G23" s="24" t="s">
        <v>76</v>
      </c>
      <c r="H23" s="26" t="s">
        <v>19</v>
      </c>
      <c r="I23" s="26" t="s">
        <v>20</v>
      </c>
      <c r="J23" s="27">
        <v>0</v>
      </c>
      <c r="K23" s="28">
        <v>45746</v>
      </c>
      <c r="L23" s="28" t="s">
        <v>77</v>
      </c>
    </row>
    <row r="24" spans="1:12" s="17" customFormat="1" ht="13" x14ac:dyDescent="0.3">
      <c r="A24" s="23" t="s">
        <v>100</v>
      </c>
      <c r="B24" s="23" t="s">
        <v>33</v>
      </c>
      <c r="C24" s="24" t="s">
        <v>1</v>
      </c>
      <c r="D24" s="24" t="s">
        <v>97</v>
      </c>
      <c r="E24" s="24" t="s">
        <v>101</v>
      </c>
      <c r="F24" s="25" t="s">
        <v>75</v>
      </c>
      <c r="G24" s="24" t="s">
        <v>76</v>
      </c>
      <c r="H24" s="26" t="s">
        <v>19</v>
      </c>
      <c r="I24" s="26" t="s">
        <v>20</v>
      </c>
      <c r="J24" s="27">
        <v>0</v>
      </c>
      <c r="K24" s="28">
        <v>45746</v>
      </c>
      <c r="L24" s="28" t="s">
        <v>77</v>
      </c>
    </row>
    <row r="25" spans="1:12" s="17" customFormat="1" ht="13" x14ac:dyDescent="0.3">
      <c r="A25" s="23" t="s">
        <v>102</v>
      </c>
      <c r="B25" s="23" t="s">
        <v>34</v>
      </c>
      <c r="C25" s="24" t="s">
        <v>1</v>
      </c>
      <c r="D25" s="24" t="s">
        <v>97</v>
      </c>
      <c r="E25" s="24" t="s">
        <v>83</v>
      </c>
      <c r="F25" s="25" t="s">
        <v>75</v>
      </c>
      <c r="G25" s="24" t="s">
        <v>76</v>
      </c>
      <c r="H25" s="26" t="s">
        <v>19</v>
      </c>
      <c r="I25" s="26" t="s">
        <v>20</v>
      </c>
      <c r="J25" s="27">
        <v>0</v>
      </c>
      <c r="K25" s="28">
        <v>45746</v>
      </c>
      <c r="L25" s="28" t="s">
        <v>77</v>
      </c>
    </row>
    <row r="26" spans="1:12" s="17" customFormat="1" ht="13" x14ac:dyDescent="0.3">
      <c r="A26" s="23" t="s">
        <v>103</v>
      </c>
      <c r="B26" s="23" t="s">
        <v>35</v>
      </c>
      <c r="C26" s="24" t="s">
        <v>1</v>
      </c>
      <c r="D26" s="24" t="s">
        <v>97</v>
      </c>
      <c r="E26" s="24" t="s">
        <v>85</v>
      </c>
      <c r="F26" s="25" t="s">
        <v>75</v>
      </c>
      <c r="G26" s="24" t="s">
        <v>76</v>
      </c>
      <c r="H26" s="26" t="s">
        <v>19</v>
      </c>
      <c r="I26" s="26" t="s">
        <v>20</v>
      </c>
      <c r="J26" s="27">
        <v>0</v>
      </c>
      <c r="K26" s="28">
        <v>45746</v>
      </c>
      <c r="L26" s="28" t="s">
        <v>77</v>
      </c>
    </row>
    <row r="27" spans="1:12" s="17" customFormat="1" ht="13" x14ac:dyDescent="0.3">
      <c r="A27" s="23" t="s">
        <v>104</v>
      </c>
      <c r="B27" s="23" t="s">
        <v>36</v>
      </c>
      <c r="C27" s="24" t="s">
        <v>1</v>
      </c>
      <c r="D27" s="24" t="s">
        <v>97</v>
      </c>
      <c r="E27" s="24" t="s">
        <v>87</v>
      </c>
      <c r="F27" s="25" t="s">
        <v>75</v>
      </c>
      <c r="G27" s="24" t="s">
        <v>76</v>
      </c>
      <c r="H27" s="26" t="s">
        <v>19</v>
      </c>
      <c r="I27" s="26" t="s">
        <v>20</v>
      </c>
      <c r="J27" s="27">
        <v>0</v>
      </c>
      <c r="K27" s="28">
        <v>45746</v>
      </c>
      <c r="L27" s="28" t="s">
        <v>77</v>
      </c>
    </row>
    <row r="28" spans="1:12" s="17" customFormat="1" ht="13" x14ac:dyDescent="0.3">
      <c r="A28" s="23" t="s">
        <v>105</v>
      </c>
      <c r="B28" s="23" t="s">
        <v>37</v>
      </c>
      <c r="C28" s="24" t="s">
        <v>1</v>
      </c>
      <c r="D28" s="24" t="s">
        <v>97</v>
      </c>
      <c r="E28" s="24" t="s">
        <v>89</v>
      </c>
      <c r="F28" s="25" t="s">
        <v>75</v>
      </c>
      <c r="G28" s="24" t="s">
        <v>76</v>
      </c>
      <c r="H28" s="26" t="s">
        <v>19</v>
      </c>
      <c r="I28" s="26" t="s">
        <v>20</v>
      </c>
      <c r="J28" s="27">
        <v>0</v>
      </c>
      <c r="K28" s="28">
        <v>45746</v>
      </c>
      <c r="L28" s="28" t="s">
        <v>77</v>
      </c>
    </row>
    <row r="29" spans="1:12" s="17" customFormat="1" ht="13" x14ac:dyDescent="0.3">
      <c r="A29" s="23" t="s">
        <v>106</v>
      </c>
      <c r="B29" s="23" t="s">
        <v>38</v>
      </c>
      <c r="C29" s="24" t="s">
        <v>1</v>
      </c>
      <c r="D29" s="24" t="s">
        <v>97</v>
      </c>
      <c r="E29" s="24" t="s">
        <v>91</v>
      </c>
      <c r="F29" s="25" t="s">
        <v>75</v>
      </c>
      <c r="G29" s="24" t="s">
        <v>76</v>
      </c>
      <c r="H29" s="26" t="s">
        <v>19</v>
      </c>
      <c r="I29" s="26" t="s">
        <v>20</v>
      </c>
      <c r="J29" s="27">
        <v>0</v>
      </c>
      <c r="K29" s="28">
        <v>45746</v>
      </c>
      <c r="L29" s="28" t="s">
        <v>77</v>
      </c>
    </row>
    <row r="30" spans="1:12" s="17" customFormat="1" ht="13" x14ac:dyDescent="0.3">
      <c r="A30" s="23" t="s">
        <v>107</v>
      </c>
      <c r="B30" s="23" t="s">
        <v>39</v>
      </c>
      <c r="C30" s="24" t="s">
        <v>1</v>
      </c>
      <c r="D30" s="24" t="s">
        <v>97</v>
      </c>
      <c r="E30" s="24" t="s">
        <v>108</v>
      </c>
      <c r="F30" s="25" t="s">
        <v>75</v>
      </c>
      <c r="G30" s="24" t="s">
        <v>76</v>
      </c>
      <c r="H30" s="26" t="s">
        <v>19</v>
      </c>
      <c r="I30" s="26" t="s">
        <v>20</v>
      </c>
      <c r="J30" s="27">
        <v>0</v>
      </c>
      <c r="K30" s="28">
        <v>45746</v>
      </c>
      <c r="L30" s="28" t="s">
        <v>77</v>
      </c>
    </row>
    <row r="31" spans="1:12" s="17" customFormat="1" ht="13" x14ac:dyDescent="0.3">
      <c r="A31" s="23" t="s">
        <v>109</v>
      </c>
      <c r="B31" s="23" t="s">
        <v>40</v>
      </c>
      <c r="C31" s="24" t="s">
        <v>1</v>
      </c>
      <c r="D31" s="24" t="s">
        <v>97</v>
      </c>
      <c r="E31" s="24" t="s">
        <v>110</v>
      </c>
      <c r="F31" s="25" t="s">
        <v>75</v>
      </c>
      <c r="G31" s="24" t="s">
        <v>76</v>
      </c>
      <c r="H31" s="26" t="s">
        <v>19</v>
      </c>
      <c r="I31" s="26" t="s">
        <v>20</v>
      </c>
      <c r="J31" s="27">
        <v>0</v>
      </c>
      <c r="K31" s="28">
        <v>45746</v>
      </c>
      <c r="L31" s="28" t="s">
        <v>77</v>
      </c>
    </row>
    <row r="32" spans="1:12" s="17" customFormat="1" ht="13" x14ac:dyDescent="0.3">
      <c r="A32" s="23" t="s">
        <v>111</v>
      </c>
      <c r="B32" s="23" t="s">
        <v>41</v>
      </c>
      <c r="C32" s="24" t="s">
        <v>1</v>
      </c>
      <c r="D32" s="24" t="s">
        <v>97</v>
      </c>
      <c r="E32" s="24" t="s">
        <v>93</v>
      </c>
      <c r="F32" s="25" t="s">
        <v>75</v>
      </c>
      <c r="G32" s="24" t="s">
        <v>76</v>
      </c>
      <c r="H32" s="26" t="s">
        <v>19</v>
      </c>
      <c r="I32" s="26" t="s">
        <v>20</v>
      </c>
      <c r="J32" s="27">
        <v>0</v>
      </c>
      <c r="K32" s="28">
        <v>45746</v>
      </c>
      <c r="L32" s="28" t="s">
        <v>77</v>
      </c>
    </row>
    <row r="33" spans="1:12" s="17" customFormat="1" ht="13" x14ac:dyDescent="0.3">
      <c r="A33" s="23" t="s">
        <v>112</v>
      </c>
      <c r="B33" s="23" t="s">
        <v>42</v>
      </c>
      <c r="C33" s="24" t="s">
        <v>1</v>
      </c>
      <c r="D33" s="24" t="s">
        <v>97</v>
      </c>
      <c r="E33" s="24" t="s">
        <v>95</v>
      </c>
      <c r="F33" s="25" t="s">
        <v>75</v>
      </c>
      <c r="G33" s="24" t="s">
        <v>76</v>
      </c>
      <c r="H33" s="26" t="s">
        <v>19</v>
      </c>
      <c r="I33" s="26" t="s">
        <v>20</v>
      </c>
      <c r="J33" s="27">
        <v>0</v>
      </c>
      <c r="K33" s="28">
        <v>45746</v>
      </c>
      <c r="L33" s="28" t="s">
        <v>77</v>
      </c>
    </row>
    <row r="34" spans="1:12" s="17" customFormat="1" ht="13" x14ac:dyDescent="0.3">
      <c r="A34" s="23" t="s">
        <v>113</v>
      </c>
      <c r="B34" s="23" t="s">
        <v>43</v>
      </c>
      <c r="C34" s="24" t="s">
        <v>1</v>
      </c>
      <c r="D34" s="24" t="s">
        <v>114</v>
      </c>
      <c r="E34" s="24" t="s">
        <v>74</v>
      </c>
      <c r="F34" s="25" t="s">
        <v>75</v>
      </c>
      <c r="G34" s="24" t="s">
        <v>76</v>
      </c>
      <c r="H34" s="26" t="s">
        <v>19</v>
      </c>
      <c r="I34" s="26" t="s">
        <v>20</v>
      </c>
      <c r="J34" s="27">
        <v>0</v>
      </c>
      <c r="K34" s="28">
        <v>45746</v>
      </c>
      <c r="L34" s="28" t="s">
        <v>77</v>
      </c>
    </row>
    <row r="35" spans="1:12" s="17" customFormat="1" ht="13" x14ac:dyDescent="0.3">
      <c r="A35" s="23" t="s">
        <v>115</v>
      </c>
      <c r="B35" s="23" t="s">
        <v>44</v>
      </c>
      <c r="C35" s="24" t="s">
        <v>1</v>
      </c>
      <c r="D35" s="24" t="s">
        <v>114</v>
      </c>
      <c r="E35" s="24" t="s">
        <v>79</v>
      </c>
      <c r="F35" s="25" t="s">
        <v>75</v>
      </c>
      <c r="G35" s="24" t="s">
        <v>76</v>
      </c>
      <c r="H35" s="26" t="s">
        <v>19</v>
      </c>
      <c r="I35" s="26" t="s">
        <v>20</v>
      </c>
      <c r="J35" s="27">
        <v>0</v>
      </c>
      <c r="K35" s="28">
        <v>45746</v>
      </c>
      <c r="L35" s="28" t="s">
        <v>77</v>
      </c>
    </row>
    <row r="36" spans="1:12" s="17" customFormat="1" ht="13" x14ac:dyDescent="0.3">
      <c r="A36" s="23" t="s">
        <v>116</v>
      </c>
      <c r="B36" s="23" t="s">
        <v>45</v>
      </c>
      <c r="C36" s="24" t="s">
        <v>1</v>
      </c>
      <c r="D36" s="24" t="s">
        <v>114</v>
      </c>
      <c r="E36" s="24" t="s">
        <v>81</v>
      </c>
      <c r="F36" s="25" t="s">
        <v>75</v>
      </c>
      <c r="G36" s="24" t="s">
        <v>76</v>
      </c>
      <c r="H36" s="26" t="s">
        <v>19</v>
      </c>
      <c r="I36" s="26" t="s">
        <v>20</v>
      </c>
      <c r="J36" s="27">
        <v>0</v>
      </c>
      <c r="K36" s="28">
        <v>45746</v>
      </c>
      <c r="L36" s="28" t="s">
        <v>77</v>
      </c>
    </row>
    <row r="37" spans="1:12" s="17" customFormat="1" ht="13" x14ac:dyDescent="0.3">
      <c r="A37" s="23" t="s">
        <v>117</v>
      </c>
      <c r="B37" s="23" t="s">
        <v>46</v>
      </c>
      <c r="C37" s="24" t="s">
        <v>1</v>
      </c>
      <c r="D37" s="24" t="s">
        <v>114</v>
      </c>
      <c r="E37" s="24" t="s">
        <v>101</v>
      </c>
      <c r="F37" s="25" t="s">
        <v>75</v>
      </c>
      <c r="G37" s="24" t="s">
        <v>76</v>
      </c>
      <c r="H37" s="26" t="s">
        <v>19</v>
      </c>
      <c r="I37" s="26" t="s">
        <v>20</v>
      </c>
      <c r="J37" s="27">
        <v>0</v>
      </c>
      <c r="K37" s="28">
        <v>45746</v>
      </c>
      <c r="L37" s="28" t="s">
        <v>77</v>
      </c>
    </row>
    <row r="38" spans="1:12" s="17" customFormat="1" ht="13" x14ac:dyDescent="0.3">
      <c r="A38" s="23" t="s">
        <v>118</v>
      </c>
      <c r="B38" s="23" t="s">
        <v>47</v>
      </c>
      <c r="C38" s="24" t="s">
        <v>1</v>
      </c>
      <c r="D38" s="24" t="s">
        <v>114</v>
      </c>
      <c r="E38" s="24" t="s">
        <v>119</v>
      </c>
      <c r="F38" s="25" t="s">
        <v>75</v>
      </c>
      <c r="G38" s="24" t="s">
        <v>76</v>
      </c>
      <c r="H38" s="26" t="s">
        <v>19</v>
      </c>
      <c r="I38" s="26" t="s">
        <v>20</v>
      </c>
      <c r="J38" s="27">
        <v>0</v>
      </c>
      <c r="K38" s="28">
        <v>45746</v>
      </c>
      <c r="L38" s="28" t="s">
        <v>77</v>
      </c>
    </row>
    <row r="39" spans="1:12" s="17" customFormat="1" ht="13" x14ac:dyDescent="0.3">
      <c r="A39" s="23" t="s">
        <v>120</v>
      </c>
      <c r="B39" s="23" t="s">
        <v>48</v>
      </c>
      <c r="C39" s="24" t="s">
        <v>1</v>
      </c>
      <c r="D39" s="24" t="s">
        <v>114</v>
      </c>
      <c r="E39" s="24" t="s">
        <v>83</v>
      </c>
      <c r="F39" s="25" t="s">
        <v>75</v>
      </c>
      <c r="G39" s="24" t="s">
        <v>76</v>
      </c>
      <c r="H39" s="26" t="s">
        <v>19</v>
      </c>
      <c r="I39" s="26" t="s">
        <v>20</v>
      </c>
      <c r="J39" s="27">
        <v>0</v>
      </c>
      <c r="K39" s="28">
        <v>45746</v>
      </c>
      <c r="L39" s="28" t="s">
        <v>77</v>
      </c>
    </row>
    <row r="40" spans="1:12" s="17" customFormat="1" ht="13" x14ac:dyDescent="0.3">
      <c r="A40" s="23" t="s">
        <v>121</v>
      </c>
      <c r="B40" s="23" t="s">
        <v>49</v>
      </c>
      <c r="C40" s="24" t="s">
        <v>1</v>
      </c>
      <c r="D40" s="24" t="s">
        <v>114</v>
      </c>
      <c r="E40" s="24" t="s">
        <v>85</v>
      </c>
      <c r="F40" s="25" t="s">
        <v>75</v>
      </c>
      <c r="G40" s="24" t="s">
        <v>76</v>
      </c>
      <c r="H40" s="26" t="s">
        <v>19</v>
      </c>
      <c r="I40" s="26" t="s">
        <v>20</v>
      </c>
      <c r="J40" s="27">
        <v>0</v>
      </c>
      <c r="K40" s="28">
        <v>45746</v>
      </c>
      <c r="L40" s="28" t="s">
        <v>77</v>
      </c>
    </row>
    <row r="41" spans="1:12" s="17" customFormat="1" ht="13" x14ac:dyDescent="0.3">
      <c r="A41" s="23" t="s">
        <v>122</v>
      </c>
      <c r="B41" s="23" t="s">
        <v>50</v>
      </c>
      <c r="C41" s="24" t="s">
        <v>1</v>
      </c>
      <c r="D41" s="24" t="s">
        <v>114</v>
      </c>
      <c r="E41" s="24" t="s">
        <v>123</v>
      </c>
      <c r="F41" s="25" t="s">
        <v>75</v>
      </c>
      <c r="G41" s="24" t="s">
        <v>76</v>
      </c>
      <c r="H41" s="26" t="s">
        <v>19</v>
      </c>
      <c r="I41" s="26" t="s">
        <v>20</v>
      </c>
      <c r="J41" s="27">
        <v>0</v>
      </c>
      <c r="K41" s="28">
        <v>45746</v>
      </c>
      <c r="L41" s="28" t="s">
        <v>77</v>
      </c>
    </row>
    <row r="42" spans="1:12" s="17" customFormat="1" ht="13" x14ac:dyDescent="0.3">
      <c r="A42" s="23" t="s">
        <v>124</v>
      </c>
      <c r="B42" s="23" t="s">
        <v>51</v>
      </c>
      <c r="C42" s="24" t="s">
        <v>1</v>
      </c>
      <c r="D42" s="24" t="s">
        <v>114</v>
      </c>
      <c r="E42" s="24" t="s">
        <v>87</v>
      </c>
      <c r="F42" s="25" t="s">
        <v>75</v>
      </c>
      <c r="G42" s="24" t="s">
        <v>76</v>
      </c>
      <c r="H42" s="26" t="s">
        <v>19</v>
      </c>
      <c r="I42" s="26" t="s">
        <v>20</v>
      </c>
      <c r="J42" s="27">
        <v>0</v>
      </c>
      <c r="K42" s="28">
        <v>45746</v>
      </c>
      <c r="L42" s="28" t="s">
        <v>77</v>
      </c>
    </row>
    <row r="43" spans="1:12" s="17" customFormat="1" ht="13" x14ac:dyDescent="0.3">
      <c r="A43" s="23" t="s">
        <v>125</v>
      </c>
      <c r="B43" s="23" t="s">
        <v>52</v>
      </c>
      <c r="C43" s="24" t="s">
        <v>1</v>
      </c>
      <c r="D43" s="24" t="s">
        <v>114</v>
      </c>
      <c r="E43" s="24" t="s">
        <v>89</v>
      </c>
      <c r="F43" s="25" t="s">
        <v>75</v>
      </c>
      <c r="G43" s="24" t="s">
        <v>76</v>
      </c>
      <c r="H43" s="26" t="s">
        <v>19</v>
      </c>
      <c r="I43" s="26" t="s">
        <v>20</v>
      </c>
      <c r="J43" s="27">
        <v>0</v>
      </c>
      <c r="K43" s="28">
        <v>45746</v>
      </c>
      <c r="L43" s="28" t="s">
        <v>77</v>
      </c>
    </row>
    <row r="44" spans="1:12" s="17" customFormat="1" ht="13" x14ac:dyDescent="0.3">
      <c r="A44" s="23" t="s">
        <v>126</v>
      </c>
      <c r="B44" s="23" t="s">
        <v>53</v>
      </c>
      <c r="C44" s="24" t="s">
        <v>1</v>
      </c>
      <c r="D44" s="24" t="s">
        <v>114</v>
      </c>
      <c r="E44" s="24" t="s">
        <v>127</v>
      </c>
      <c r="F44" s="25" t="s">
        <v>75</v>
      </c>
      <c r="G44" s="24" t="s">
        <v>76</v>
      </c>
      <c r="H44" s="26" t="s">
        <v>19</v>
      </c>
      <c r="I44" s="26" t="s">
        <v>20</v>
      </c>
      <c r="J44" s="27">
        <v>0</v>
      </c>
      <c r="K44" s="28">
        <v>45746</v>
      </c>
      <c r="L44" s="28" t="s">
        <v>77</v>
      </c>
    </row>
    <row r="45" spans="1:12" s="17" customFormat="1" ht="13" x14ac:dyDescent="0.3">
      <c r="A45" s="23" t="s">
        <v>128</v>
      </c>
      <c r="B45" s="23" t="s">
        <v>54</v>
      </c>
      <c r="C45" s="24" t="s">
        <v>1</v>
      </c>
      <c r="D45" s="24" t="s">
        <v>114</v>
      </c>
      <c r="E45" s="24" t="s">
        <v>91</v>
      </c>
      <c r="F45" s="25" t="s">
        <v>75</v>
      </c>
      <c r="G45" s="24" t="s">
        <v>76</v>
      </c>
      <c r="H45" s="26" t="s">
        <v>19</v>
      </c>
      <c r="I45" s="26" t="s">
        <v>20</v>
      </c>
      <c r="J45" s="27">
        <v>0</v>
      </c>
      <c r="K45" s="28">
        <v>45746</v>
      </c>
      <c r="L45" s="28" t="s">
        <v>77</v>
      </c>
    </row>
    <row r="46" spans="1:12" s="17" customFormat="1" ht="13" x14ac:dyDescent="0.3">
      <c r="A46" s="23" t="s">
        <v>129</v>
      </c>
      <c r="B46" s="23" t="s">
        <v>55</v>
      </c>
      <c r="C46" s="24" t="s">
        <v>1</v>
      </c>
      <c r="D46" s="24" t="s">
        <v>114</v>
      </c>
      <c r="E46" s="24" t="s">
        <v>108</v>
      </c>
      <c r="F46" s="25" t="s">
        <v>75</v>
      </c>
      <c r="G46" s="24" t="s">
        <v>76</v>
      </c>
      <c r="H46" s="26" t="s">
        <v>19</v>
      </c>
      <c r="I46" s="26" t="s">
        <v>20</v>
      </c>
      <c r="J46" s="27">
        <v>0</v>
      </c>
      <c r="K46" s="28">
        <v>45746</v>
      </c>
      <c r="L46" s="28" t="s">
        <v>77</v>
      </c>
    </row>
    <row r="47" spans="1:12" s="17" customFormat="1" ht="13" x14ac:dyDescent="0.3">
      <c r="A47" s="23" t="s">
        <v>130</v>
      </c>
      <c r="B47" s="23" t="s">
        <v>56</v>
      </c>
      <c r="C47" s="24" t="s">
        <v>1</v>
      </c>
      <c r="D47" s="24" t="s">
        <v>114</v>
      </c>
      <c r="E47" s="24" t="s">
        <v>110</v>
      </c>
      <c r="F47" s="25" t="s">
        <v>75</v>
      </c>
      <c r="G47" s="24" t="s">
        <v>76</v>
      </c>
      <c r="H47" s="26" t="s">
        <v>19</v>
      </c>
      <c r="I47" s="26" t="s">
        <v>20</v>
      </c>
      <c r="J47" s="27">
        <v>0</v>
      </c>
      <c r="K47" s="28">
        <v>45746</v>
      </c>
      <c r="L47" s="28" t="s">
        <v>77</v>
      </c>
    </row>
    <row r="48" spans="1:12" s="17" customFormat="1" ht="13" x14ac:dyDescent="0.3">
      <c r="A48" s="23" t="s">
        <v>131</v>
      </c>
      <c r="B48" s="23" t="s">
        <v>57</v>
      </c>
      <c r="C48" s="24" t="s">
        <v>1</v>
      </c>
      <c r="D48" s="24" t="s">
        <v>114</v>
      </c>
      <c r="E48" s="24" t="s">
        <v>93</v>
      </c>
      <c r="F48" s="25" t="s">
        <v>75</v>
      </c>
      <c r="G48" s="24" t="s">
        <v>76</v>
      </c>
      <c r="H48" s="26" t="s">
        <v>19</v>
      </c>
      <c r="I48" s="26" t="s">
        <v>20</v>
      </c>
      <c r="J48" s="27">
        <v>0</v>
      </c>
      <c r="K48" s="28">
        <v>45746</v>
      </c>
      <c r="L48" s="28" t="s">
        <v>77</v>
      </c>
    </row>
    <row r="49" spans="1:12" s="17" customFormat="1" ht="13" x14ac:dyDescent="0.3">
      <c r="A49" s="23" t="s">
        <v>132</v>
      </c>
      <c r="B49" s="23" t="s">
        <v>58</v>
      </c>
      <c r="C49" s="24" t="s">
        <v>1</v>
      </c>
      <c r="D49" s="24" t="s">
        <v>114</v>
      </c>
      <c r="E49" s="24" t="s">
        <v>95</v>
      </c>
      <c r="F49" s="25" t="s">
        <v>75</v>
      </c>
      <c r="G49" s="24" t="s">
        <v>76</v>
      </c>
      <c r="H49" s="26" t="s">
        <v>19</v>
      </c>
      <c r="I49" s="26" t="s">
        <v>20</v>
      </c>
      <c r="J49" s="27">
        <v>0</v>
      </c>
      <c r="K49" s="28">
        <v>45746</v>
      </c>
      <c r="L49" s="28" t="s">
        <v>77</v>
      </c>
    </row>
    <row r="50" spans="1:12" s="17" customFormat="1" ht="13" x14ac:dyDescent="0.3">
      <c r="A50" s="23" t="s">
        <v>133</v>
      </c>
      <c r="B50" s="23" t="s">
        <v>59</v>
      </c>
      <c r="C50" s="24" t="s">
        <v>1</v>
      </c>
      <c r="D50" s="24" t="s">
        <v>134</v>
      </c>
      <c r="E50" s="24" t="s">
        <v>74</v>
      </c>
      <c r="F50" s="25" t="s">
        <v>135</v>
      </c>
      <c r="G50" s="24" t="s">
        <v>76</v>
      </c>
      <c r="H50" s="26" t="s">
        <v>19</v>
      </c>
      <c r="I50" s="26" t="s">
        <v>20</v>
      </c>
      <c r="J50" s="27">
        <v>0</v>
      </c>
      <c r="K50" s="28">
        <v>45746</v>
      </c>
      <c r="L50" s="28" t="s">
        <v>77</v>
      </c>
    </row>
    <row r="51" spans="1:12" s="17" customFormat="1" ht="13" x14ac:dyDescent="0.3">
      <c r="A51" s="23" t="s">
        <v>136</v>
      </c>
      <c r="B51" s="23" t="s">
        <v>60</v>
      </c>
      <c r="C51" s="24" t="s">
        <v>1</v>
      </c>
      <c r="D51" s="24" t="s">
        <v>134</v>
      </c>
      <c r="E51" s="24" t="s">
        <v>79</v>
      </c>
      <c r="F51" s="25" t="s">
        <v>135</v>
      </c>
      <c r="G51" s="24" t="s">
        <v>76</v>
      </c>
      <c r="H51" s="26" t="s">
        <v>19</v>
      </c>
      <c r="I51" s="26" t="s">
        <v>20</v>
      </c>
      <c r="J51" s="27">
        <v>0</v>
      </c>
      <c r="K51" s="28">
        <v>45746</v>
      </c>
      <c r="L51" s="28" t="s">
        <v>77</v>
      </c>
    </row>
    <row r="52" spans="1:12" s="17" customFormat="1" ht="13" x14ac:dyDescent="0.3">
      <c r="A52" s="23" t="s">
        <v>137</v>
      </c>
      <c r="B52" s="23" t="s">
        <v>61</v>
      </c>
      <c r="C52" s="24" t="s">
        <v>1</v>
      </c>
      <c r="D52" s="24" t="s">
        <v>134</v>
      </c>
      <c r="E52" s="24" t="s">
        <v>81</v>
      </c>
      <c r="F52" s="25" t="s">
        <v>135</v>
      </c>
      <c r="G52" s="24" t="s">
        <v>76</v>
      </c>
      <c r="H52" s="26" t="s">
        <v>19</v>
      </c>
      <c r="I52" s="26" t="s">
        <v>20</v>
      </c>
      <c r="J52" s="27">
        <v>0</v>
      </c>
      <c r="K52" s="28">
        <v>45746</v>
      </c>
      <c r="L52" s="28" t="s">
        <v>77</v>
      </c>
    </row>
    <row r="53" spans="1:12" s="17" customFormat="1" ht="13" x14ac:dyDescent="0.3">
      <c r="A53" s="23" t="s">
        <v>138</v>
      </c>
      <c r="B53" s="23" t="s">
        <v>62</v>
      </c>
      <c r="C53" s="24" t="s">
        <v>1</v>
      </c>
      <c r="D53" s="24" t="s">
        <v>134</v>
      </c>
      <c r="E53" s="24" t="s">
        <v>119</v>
      </c>
      <c r="F53" s="25" t="s">
        <v>135</v>
      </c>
      <c r="G53" s="24" t="s">
        <v>76</v>
      </c>
      <c r="H53" s="26" t="s">
        <v>19</v>
      </c>
      <c r="I53" s="26" t="s">
        <v>20</v>
      </c>
      <c r="J53" s="27">
        <v>0</v>
      </c>
      <c r="K53" s="28">
        <v>45746</v>
      </c>
      <c r="L53" s="28" t="s">
        <v>77</v>
      </c>
    </row>
    <row r="54" spans="1:12" s="17" customFormat="1" ht="13" x14ac:dyDescent="0.3">
      <c r="A54" s="23" t="s">
        <v>139</v>
      </c>
      <c r="B54" s="23" t="s">
        <v>63</v>
      </c>
      <c r="C54" s="24" t="s">
        <v>1</v>
      </c>
      <c r="D54" s="24" t="s">
        <v>134</v>
      </c>
      <c r="E54" s="24" t="s">
        <v>83</v>
      </c>
      <c r="F54" s="25" t="s">
        <v>135</v>
      </c>
      <c r="G54" s="24" t="s">
        <v>76</v>
      </c>
      <c r="H54" s="26" t="s">
        <v>19</v>
      </c>
      <c r="I54" s="26" t="s">
        <v>20</v>
      </c>
      <c r="J54" s="27">
        <v>0</v>
      </c>
      <c r="K54" s="28">
        <v>45746</v>
      </c>
      <c r="L54" s="28" t="s">
        <v>77</v>
      </c>
    </row>
    <row r="55" spans="1:12" s="17" customFormat="1" ht="13" x14ac:dyDescent="0.3">
      <c r="A55" s="23" t="s">
        <v>140</v>
      </c>
      <c r="B55" s="23" t="s">
        <v>64</v>
      </c>
      <c r="C55" s="24" t="s">
        <v>1</v>
      </c>
      <c r="D55" s="24" t="s">
        <v>134</v>
      </c>
      <c r="E55" s="24" t="s">
        <v>85</v>
      </c>
      <c r="F55" s="25" t="s">
        <v>135</v>
      </c>
      <c r="G55" s="24" t="s">
        <v>76</v>
      </c>
      <c r="H55" s="26" t="s">
        <v>19</v>
      </c>
      <c r="I55" s="26" t="s">
        <v>20</v>
      </c>
      <c r="J55" s="27">
        <v>0</v>
      </c>
      <c r="K55" s="28">
        <v>45746</v>
      </c>
      <c r="L55" s="28" t="s">
        <v>77</v>
      </c>
    </row>
    <row r="56" spans="1:12" s="17" customFormat="1" ht="13" x14ac:dyDescent="0.3">
      <c r="A56" s="23" t="s">
        <v>141</v>
      </c>
      <c r="B56" s="23" t="s">
        <v>65</v>
      </c>
      <c r="C56" s="24" t="s">
        <v>1</v>
      </c>
      <c r="D56" s="24" t="s">
        <v>134</v>
      </c>
      <c r="E56" s="24" t="s">
        <v>123</v>
      </c>
      <c r="F56" s="25" t="s">
        <v>135</v>
      </c>
      <c r="G56" s="24" t="s">
        <v>76</v>
      </c>
      <c r="H56" s="26" t="s">
        <v>19</v>
      </c>
      <c r="I56" s="26" t="s">
        <v>20</v>
      </c>
      <c r="J56" s="27">
        <v>0</v>
      </c>
      <c r="K56" s="28">
        <v>45746</v>
      </c>
      <c r="L56" s="28" t="s">
        <v>77</v>
      </c>
    </row>
    <row r="57" spans="1:12" s="17" customFormat="1" ht="13" x14ac:dyDescent="0.3">
      <c r="A57" s="23" t="s">
        <v>142</v>
      </c>
      <c r="B57" s="23" t="s">
        <v>66</v>
      </c>
      <c r="C57" s="24" t="s">
        <v>1</v>
      </c>
      <c r="D57" s="24" t="s">
        <v>134</v>
      </c>
      <c r="E57" s="24" t="s">
        <v>87</v>
      </c>
      <c r="F57" s="25" t="s">
        <v>135</v>
      </c>
      <c r="G57" s="24" t="s">
        <v>76</v>
      </c>
      <c r="H57" s="26" t="s">
        <v>19</v>
      </c>
      <c r="I57" s="26" t="s">
        <v>20</v>
      </c>
      <c r="J57" s="27">
        <v>0</v>
      </c>
      <c r="K57" s="28">
        <v>45746</v>
      </c>
      <c r="L57" s="28" t="s">
        <v>77</v>
      </c>
    </row>
    <row r="58" spans="1:12" s="17" customFormat="1" ht="13" x14ac:dyDescent="0.3">
      <c r="A58" s="23" t="s">
        <v>143</v>
      </c>
      <c r="B58" s="23" t="s">
        <v>67</v>
      </c>
      <c r="C58" s="24" t="s">
        <v>1</v>
      </c>
      <c r="D58" s="24" t="s">
        <v>134</v>
      </c>
      <c r="E58" s="24" t="s">
        <v>89</v>
      </c>
      <c r="F58" s="25" t="s">
        <v>135</v>
      </c>
      <c r="G58" s="24" t="s">
        <v>76</v>
      </c>
      <c r="H58" s="26" t="s">
        <v>19</v>
      </c>
      <c r="I58" s="26" t="s">
        <v>20</v>
      </c>
      <c r="J58" s="27">
        <v>0</v>
      </c>
      <c r="K58" s="28">
        <v>45746</v>
      </c>
      <c r="L58" s="28" t="s">
        <v>77</v>
      </c>
    </row>
    <row r="59" spans="1:12" s="17" customFormat="1" ht="13" x14ac:dyDescent="0.3">
      <c r="A59" s="23" t="s">
        <v>144</v>
      </c>
      <c r="B59" s="23" t="s">
        <v>68</v>
      </c>
      <c r="C59" s="24" t="s">
        <v>1</v>
      </c>
      <c r="D59" s="24" t="s">
        <v>134</v>
      </c>
      <c r="E59" s="24" t="s">
        <v>127</v>
      </c>
      <c r="F59" s="25" t="s">
        <v>135</v>
      </c>
      <c r="G59" s="24" t="s">
        <v>76</v>
      </c>
      <c r="H59" s="26" t="s">
        <v>19</v>
      </c>
      <c r="I59" s="26" t="s">
        <v>20</v>
      </c>
      <c r="J59" s="27">
        <v>0</v>
      </c>
      <c r="K59" s="28">
        <v>45746</v>
      </c>
      <c r="L59" s="28" t="s">
        <v>77</v>
      </c>
    </row>
    <row r="60" spans="1:12" s="17" customFormat="1" ht="13" x14ac:dyDescent="0.3">
      <c r="A60" s="23" t="s">
        <v>145</v>
      </c>
      <c r="B60" s="23" t="s">
        <v>69</v>
      </c>
      <c r="C60" s="24" t="s">
        <v>1</v>
      </c>
      <c r="D60" s="24" t="s">
        <v>134</v>
      </c>
      <c r="E60" s="24" t="s">
        <v>91</v>
      </c>
      <c r="F60" s="25" t="s">
        <v>135</v>
      </c>
      <c r="G60" s="24" t="s">
        <v>76</v>
      </c>
      <c r="H60" s="26" t="s">
        <v>19</v>
      </c>
      <c r="I60" s="26" t="s">
        <v>20</v>
      </c>
      <c r="J60" s="27">
        <v>0</v>
      </c>
      <c r="K60" s="28">
        <v>45746</v>
      </c>
      <c r="L60" s="28" t="s">
        <v>77</v>
      </c>
    </row>
    <row r="61" spans="1:12" s="17" customFormat="1" ht="13" x14ac:dyDescent="0.3">
      <c r="A61" s="23" t="s">
        <v>146</v>
      </c>
      <c r="B61" s="23" t="s">
        <v>70</v>
      </c>
      <c r="C61" s="24" t="s">
        <v>1</v>
      </c>
      <c r="D61" s="24" t="s">
        <v>134</v>
      </c>
      <c r="E61" s="24" t="s">
        <v>108</v>
      </c>
      <c r="F61" s="25" t="s">
        <v>135</v>
      </c>
      <c r="G61" s="24" t="s">
        <v>76</v>
      </c>
      <c r="H61" s="26" t="s">
        <v>19</v>
      </c>
      <c r="I61" s="26" t="s">
        <v>20</v>
      </c>
      <c r="J61" s="27">
        <v>0</v>
      </c>
      <c r="K61" s="28">
        <v>45746</v>
      </c>
      <c r="L61" s="28" t="s">
        <v>77</v>
      </c>
    </row>
    <row r="62" spans="1:12" s="17" customFormat="1" ht="13" x14ac:dyDescent="0.3">
      <c r="A62" s="23" t="s">
        <v>147</v>
      </c>
      <c r="B62" s="23" t="s">
        <v>71</v>
      </c>
      <c r="C62" s="24" t="s">
        <v>1</v>
      </c>
      <c r="D62" s="24" t="s">
        <v>134</v>
      </c>
      <c r="E62" s="24" t="s">
        <v>95</v>
      </c>
      <c r="F62" s="25" t="s">
        <v>135</v>
      </c>
      <c r="G62" s="24" t="s">
        <v>76</v>
      </c>
      <c r="H62" s="29" t="s">
        <v>19</v>
      </c>
      <c r="I62" s="29" t="s">
        <v>20</v>
      </c>
      <c r="J62" s="27">
        <v>0</v>
      </c>
      <c r="K62" s="28">
        <v>45746</v>
      </c>
      <c r="L62" s="28" t="s">
        <v>77</v>
      </c>
    </row>
  </sheetData>
  <pageMargins left="0.7" right="0.7" top="0.75" bottom="0.75" header="0.3" footer="0.3"/>
  <pageSetup scale="31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Deloitte excel blank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BAC8B168-15FA-4296-BFAD-7C373085E0D3}">
  <ds:schemaRefs/>
</ds:datastoreItem>
</file>

<file path=customXml/itemProps2.xml><?xml version="1.0" encoding="utf-8"?>
<ds:datastoreItem xmlns:ds="http://schemas.openxmlformats.org/officeDocument/2006/customXml" ds:itemID="{0E2A517C-2DCA-4B81-A6FE-1D5A6AF65D95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Investor Report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5-15T06:09:05Z</dcterms:created>
  <dcterms:modified xsi:type="dcterms:W3CDTF">2025-07-25T12:17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4-05-20T11:16:06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81b447f9-fbda-4d1e-8323-3e7023c9bcbc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nse</vt:lpwstr>
  </property>
  <property fmtid="{D5CDD505-2E9C-101B-9397-08002B2CF9AE}" pid="10" name="TemplafyTemplateId">
    <vt:lpwstr>1183777022913806374</vt:lpwstr>
  </property>
  <property fmtid="{D5CDD505-2E9C-101B-9397-08002B2CF9AE}" pid="11" name="TemplafyUserProfileId">
    <vt:lpwstr>1141355913643819008</vt:lpwstr>
  </property>
  <property fmtid="{D5CDD505-2E9C-101B-9397-08002B2CF9AE}" pid="12" name="TemplafyLanguageCode">
    <vt:lpwstr>en-GB</vt:lpwstr>
  </property>
  <property fmtid="{D5CDD505-2E9C-101B-9397-08002B2CF9AE}" pid="13" name="TemplafyFromBlank">
    <vt:bool>true</vt:bool>
  </property>
</Properties>
</file>